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Select reference file|R$ |COMMENT:</w:t>
            </w:r>
            <w:r>
              <w:rPr>
                <w:rFonts w:ascii="Calibri" w:eastAsia="Calibri" w:hAnsi="Calibri" w:cs="Calibri"/>
                <w:sz w:val="22"/>
                <w:szCs w:val="22"/>
              </w:rPr>
              <w:t>Supplier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r w:rsidRPr="002B1198">
              <w:t>NoUserInput</w:t>
            </w:r>
            <w:r>
              <w:t>|R$|COMMENT:</w:t>
            </w:r>
            <w:r>
              <w:rPr>
                <w:rFonts w:ascii="Calibri" w:eastAsia="Calibri" w:hAnsi="Calibri" w:cs="Calibri"/>
                <w:sz w:val="22"/>
                <w:szCs w:val="22"/>
              </w:rPr>
              <w:t>Primary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COMMENT:</w:t>
            </w:r>
            <w:r>
              <w:rPr>
                <w:rFonts w:ascii="Calibri" w:eastAsia="Calibri" w:hAnsi="Calibri" w:cs="Calibri"/>
                <w:sz w:val="22"/>
                <w:szCs w:val="22"/>
              </w:rPr>
              <w:t>Supplier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Söder Mälarstrand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COMMENT:</w:t>
            </w:r>
            <w:r>
              <w:rPr>
                <w:rFonts w:ascii="Calibri" w:eastAsia="Calibri" w:hAnsi="Calibri" w:cs="Calibri"/>
                <w:sz w:val="22"/>
                <w:szCs w:val="22"/>
              </w:rPr>
              <w:t xml:space="preserve">Supplier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r w:rsidRPr="002B1198">
              <w:t>NoUserInput</w:t>
            </w:r>
            <w:r>
              <w:t>|R$|</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COMMENT:</w:t>
            </w:r>
            <w:r>
              <w:rPr>
                <w:rFonts w:ascii="Calibri" w:eastAsia="Calibri" w:hAnsi="Calibri" w:cs="Calibri"/>
                <w:sz w:val="22"/>
                <w:szCs w:val="22"/>
              </w:rPr>
              <w:t xml:space="preserve">Supplier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Select reference file|</w:t>
            </w:r>
            <w:r w:rsidRPr="002B1198">
              <w:t>NoUserInput</w:t>
            </w:r>
            <w:r>
              <w:t>|R$</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Select reference file|R$|COMMENT:</w:t>
            </w:r>
            <w:r>
              <w:rPr>
                <w:rFonts w:ascii="Calibri" w:eastAsia="Calibri" w:hAnsi="Calibri" w:cs="Calibri"/>
                <w:sz w:val="22"/>
                <w:szCs w:val="22"/>
              </w:rPr>
              <w:t>Supplier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Select reference file|R$|COMMENT:</w:t>
            </w:r>
            <w:r>
              <w:rPr>
                <w:rFonts w:ascii="Calibri" w:eastAsia="Calibri" w:hAnsi="Calibri" w:cs="Calibri"/>
                <w:sz w:val="22"/>
                <w:szCs w:val="22"/>
              </w:rPr>
              <w:t>MSSA ID according the th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84796E"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84796E"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8"/>
              <w:id w:val="-1028321261"/>
            </w:sdtPr>
            <w:sdtEndPr/>
            <w:sdtContent>
              <w:p w14:paraId="75527582" w14:textId="77777777" w:rsidR="008715E3" w:rsidRPr="000F6EED" w:rsidRDefault="008715E3" w:rsidP="008715E3">
                <w:pPr>
                  <w:jc w:val="center"/>
                </w:pPr>
                <w:r w:rsidRPr="000F6EED">
                  <w:rPr>
                    <w:rFonts w:ascii="Calibri" w:eastAsia="Calibri" w:hAnsi="Calibri" w:cs="Calibri"/>
                    <w:b/>
                    <w:sz w:val="22"/>
                    <w:szCs w:val="22"/>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tag w:val="goog_rdk_108"/>
              <w:id w:val="1478877419"/>
            </w:sdtPr>
            <w:sdtEndPr/>
            <w:sdtContent>
              <w:p w14:paraId="22E5C42C" w14:textId="77777777" w:rsidR="008715E3" w:rsidRPr="000F6EED" w:rsidRDefault="008715E3" w:rsidP="008715E3">
                <w:pPr>
                  <w:jc w:val="center"/>
                </w:pPr>
                <w:r w:rsidRPr="000F6EED">
                  <w:rPr>
                    <w:rFonts w:ascii="Calibri" w:eastAsia="Calibri" w:hAnsi="Calibri" w:cs="Calibri"/>
                    <w:b/>
                    <w:sz w:val="22"/>
                    <w:szCs w:val="22"/>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bookmarkEnd w:id="2"/>
      <w:tr w:rsidR="008715E3" w:rsidRPr="000F6EED" w14:paraId="25D6769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928B955" w14:textId="5CEC670E" w:rsidR="008715E3" w:rsidRPr="00A1507A" w:rsidRDefault="008715E3" w:rsidP="008715E3">
            <w:pPr>
              <w:jc w:val="center"/>
              <w:rPr>
                <w:b/>
                <w:bCs/>
              </w:rPr>
            </w:pPr>
            <w:r w:rsidRPr="00A1507A">
              <w:rPr>
                <w:b/>
                <w:bCs/>
              </w:rPr>
              <w:t>6</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1A5ABB77" w14:textId="179C752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71016A7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1D18B4" w14:textId="743A7693" w:rsidR="008715E3" w:rsidRPr="00A1507A" w:rsidRDefault="008715E3" w:rsidP="008715E3">
            <w:pPr>
              <w:jc w:val="center"/>
              <w:rPr>
                <w:b/>
                <w:bCs/>
              </w:rPr>
            </w:pPr>
            <w:r w:rsidRPr="00A1507A">
              <w:rPr>
                <w:b/>
                <w:bCs/>
              </w:rPr>
              <w:t>7</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26499C64" w14:textId="4323A4BF"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5F320095" w:rsidR="008715E3" w:rsidRPr="000F6EED" w:rsidRDefault="00E51224" w:rsidP="00E51224">
            <w:pPr>
              <w:jc w:val="center"/>
            </w:pPr>
            <w:r w:rsidRPr="00E51224">
              <w:t xml:space="preserve">{[ INVISIBLE |$: NumberOfMonth | NoOutput | NUM | D$: </w:t>
            </w:r>
            <w:r w:rsidR="0052423E">
              <w:rPr>
                <w:highlight w:val="red"/>
              </w:rPr>
              <w:t>0</w:t>
            </w:r>
            <w:r w:rsidR="001F38FE">
              <w:rPr>
                <w:highlight w:val="red"/>
              </w:rPr>
              <w:t>7</w:t>
            </w:r>
            <w:r w:rsidRPr="00E51224">
              <w:t>]} {[#:1501|NoUserInput|$: Total Hours | NUM|MULTIPLICATION | ThousandSeparated | MathValueFromArgument1: Maximum hours per month | MathValueFromArgument2: NumberOfMonth]}{[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r w:rsidR="00E51224">
        <w:rPr>
          <w:szCs w:val="22"/>
        </w:rPr>
        <w:t>NumAsText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lastRenderedPageBreak/>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276E256E"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443284">
        <w:rPr>
          <w:rFonts w:ascii="Calibri" w:eastAsia="Calibri" w:hAnsi="Calibri" w:cs="Calibri"/>
          <w:sz w:val="22"/>
          <w:szCs w:val="22"/>
        </w:rPr>
        <w:t>2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1C35C7E" w14:textId="77777777" w:rsidR="0084796E" w:rsidRDefault="0084796E">
      <w:r>
        <w:separator/>
      </w:r>
    </w:p>
  </w:endnote>
  <w:endnote w:type="continuationSeparator" w:id="0">
    <w:p w14:paraId="192EBCA4" w14:textId="77777777" w:rsidR="0084796E" w:rsidRDefault="0084796E">
      <w:r>
        <w:continuationSeparator/>
      </w:r>
    </w:p>
  </w:endnote>
  <w:endnote w:type="continuationNotice" w:id="1">
    <w:p w14:paraId="0D6E817F" w14:textId="77777777" w:rsidR="0084796E" w:rsidRDefault="0084796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84796E">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782483">
      <w:t>4852-1447-1856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69516DD" w14:textId="77777777" w:rsidR="0084796E" w:rsidRDefault="0084796E">
      <w:r>
        <w:separator/>
      </w:r>
    </w:p>
  </w:footnote>
  <w:footnote w:type="continuationSeparator" w:id="0">
    <w:p w14:paraId="22EF862A" w14:textId="77777777" w:rsidR="0084796E" w:rsidRDefault="0084796E">
      <w:r>
        <w:continuationSeparator/>
      </w:r>
    </w:p>
  </w:footnote>
  <w:footnote w:type="continuationNotice" w:id="1">
    <w:p w14:paraId="00D2B932" w14:textId="77777777" w:rsidR="0084796E" w:rsidRDefault="0084796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84796E">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84796E">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535AF8AC">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41246432">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0E56"/>
    <w:rsid w:val="00061DE4"/>
    <w:rsid w:val="0007567C"/>
    <w:rsid w:val="000D11CE"/>
    <w:rsid w:val="000E617A"/>
    <w:rsid w:val="000F6EED"/>
    <w:rsid w:val="00115BCB"/>
    <w:rsid w:val="00143D5A"/>
    <w:rsid w:val="00151E02"/>
    <w:rsid w:val="001638B2"/>
    <w:rsid w:val="001F38FE"/>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535C9"/>
    <w:rsid w:val="00360428"/>
    <w:rsid w:val="00384FE3"/>
    <w:rsid w:val="003A59DD"/>
    <w:rsid w:val="003C4E3C"/>
    <w:rsid w:val="003D3506"/>
    <w:rsid w:val="003D6E6B"/>
    <w:rsid w:val="003F484D"/>
    <w:rsid w:val="0043548C"/>
    <w:rsid w:val="00443284"/>
    <w:rsid w:val="004476BF"/>
    <w:rsid w:val="00464F2F"/>
    <w:rsid w:val="004B228A"/>
    <w:rsid w:val="004D36CB"/>
    <w:rsid w:val="004E310E"/>
    <w:rsid w:val="0052423E"/>
    <w:rsid w:val="005543A0"/>
    <w:rsid w:val="00585DE8"/>
    <w:rsid w:val="00587EE9"/>
    <w:rsid w:val="005D46CC"/>
    <w:rsid w:val="005D675C"/>
    <w:rsid w:val="005F0A4A"/>
    <w:rsid w:val="006655CD"/>
    <w:rsid w:val="006D5C9C"/>
    <w:rsid w:val="00751F14"/>
    <w:rsid w:val="00782483"/>
    <w:rsid w:val="00791BC0"/>
    <w:rsid w:val="007C11D0"/>
    <w:rsid w:val="008256A9"/>
    <w:rsid w:val="0084796E"/>
    <w:rsid w:val="0085728B"/>
    <w:rsid w:val="008715E3"/>
    <w:rsid w:val="00883CCB"/>
    <w:rsid w:val="008873C7"/>
    <w:rsid w:val="008B6A6B"/>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57462"/>
    <w:rsid w:val="00C77816"/>
    <w:rsid w:val="00CA03F3"/>
    <w:rsid w:val="00CB0C47"/>
    <w:rsid w:val="00CB1436"/>
    <w:rsid w:val="00CB162B"/>
    <w:rsid w:val="00CC2367"/>
    <w:rsid w:val="00CD0F7D"/>
    <w:rsid w:val="00CF3F44"/>
    <w:rsid w:val="00D12786"/>
    <w:rsid w:val="00D15401"/>
    <w:rsid w:val="00D60E2D"/>
    <w:rsid w:val="00D63E39"/>
    <w:rsid w:val="00D8453F"/>
    <w:rsid w:val="00DB213B"/>
    <w:rsid w:val="00DB3736"/>
    <w:rsid w:val="00DC0F1C"/>
    <w:rsid w:val="00DC7DA9"/>
    <w:rsid w:val="00DD4917"/>
    <w:rsid w:val="00DE576F"/>
    <w:rsid w:val="00DE7527"/>
    <w:rsid w:val="00DF521B"/>
    <w:rsid w:val="00E07F6D"/>
    <w:rsid w:val="00E12B32"/>
    <w:rsid w:val="00E42466"/>
    <w:rsid w:val="00E44D43"/>
    <w:rsid w:val="00E51224"/>
    <w:rsid w:val="00EA2A1D"/>
    <w:rsid w:val="00F35AC8"/>
    <w:rsid w:val="00F4108D"/>
    <w:rsid w:val="00F46910"/>
    <w:rsid w:val="00F533FA"/>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3.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4.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2.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3.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4.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5</Pages>
  <Words>1068</Words>
  <Characters>5661</Characters>
  <Application>Microsoft Office Word</Application>
  <DocSecurity>0</DocSecurity>
  <Lines>47</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716</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4</cp:revision>
  <dcterms:created xsi:type="dcterms:W3CDTF">2021-01-15T15:55:00Z</dcterms:created>
  <dcterms:modified xsi:type="dcterms:W3CDTF">2021-01-15T15: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